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6. Renátka\515_2021_CO2 Injektor\02. Príprava 515\07. PTK 515\01. Odoslanie PTK\"/>
    </mc:Choice>
  </mc:AlternateContent>
  <bookViews>
    <workbookView xWindow="0" yWindow="0" windowWidth="23040" windowHeight="9195"/>
  </bookViews>
  <sheets>
    <sheet name="Cenová ponuka" sheetId="8" r:id="rId1"/>
  </sheets>
  <definedNames>
    <definedName name="_xlnm.Print_Area" localSheetId="0">'Cenová ponuka'!$B$1:$F$12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9" uniqueCount="173">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Požaduje sa, aby dodávateľ v čase predloženia ponuky a zároveň počas trvania zmluvy bol oprávnený na poskytnutie plnenia predmetu zákazky.</t>
  </si>
  <si>
    <t>13.</t>
  </si>
  <si>
    <t>14.</t>
  </si>
  <si>
    <t>15.</t>
  </si>
  <si>
    <t>16.</t>
  </si>
  <si>
    <t>17.</t>
  </si>
  <si>
    <t>xxx</t>
  </si>
  <si>
    <t>v pracovných dňoch,</t>
  </si>
  <si>
    <t>v čase od 08:00 hod. do 14:30 hod.,</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2.7</t>
  </si>
  <si>
    <t>2.1</t>
  </si>
  <si>
    <t>2.2</t>
  </si>
  <si>
    <t>2.3</t>
  </si>
  <si>
    <t>2.4</t>
  </si>
  <si>
    <t>2.5</t>
  </si>
  <si>
    <t>2.6</t>
  </si>
  <si>
    <t>Objednávateľ zabezpečí za účelom prevzatia zariadenia prístup pre osoby poverené dodávateľom na čas nevyhnutný na vyloženie, kompletizáciu a inštaláciu zariadeni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12.2</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3</t>
  </si>
  <si>
    <t>dodávky a zabudovanie náhradných dielov, ktoré sú potrebné k riadnej a bezporuchovej prevádzke zariadenia, vrátane demontáže, odvozu a likvidácie použitého a nepotrebného spotrebného materiálu, náplní a náhradných dielov,</t>
  </si>
  <si>
    <t>v prípadoch ak je to relevantné, 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12.4</t>
  </si>
  <si>
    <t>12.5</t>
  </si>
  <si>
    <t>12.6</t>
  </si>
  <si>
    <t>12.7</t>
  </si>
  <si>
    <t>12.8</t>
  </si>
  <si>
    <t>12.9</t>
  </si>
  <si>
    <t>12.10</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15.1</t>
  </si>
  <si>
    <t>Dodávateľ je povinný počas trvania záručnej doby odstrániť vady v nasledujúcich lehotách od nástupu na opravu:</t>
  </si>
  <si>
    <t>16.1</t>
  </si>
  <si>
    <t>oprava vady, pri ktorej nie je potrebná dodávka náhradného dielu najneskôr do 48 hodín,</t>
  </si>
  <si>
    <t>oprava vady s dodávkou náhradného dielu najneskôr do 72 hodín, resp. v závažných prípadoch v termíne po dohode s dodávateľom.</t>
  </si>
  <si>
    <t>16.2</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0 eur za každú začatú hodinu omeškania, najviac však do výšky 10 % kúpnej ceny prístroja a to pre každý jednotlivý prípad omeškania dodávateľa,</t>
  </si>
  <si>
    <t>17.1</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17.2</t>
  </si>
  <si>
    <t>18.</t>
  </si>
  <si>
    <t>19.</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0.</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21.</t>
  </si>
  <si>
    <t>21.1</t>
  </si>
  <si>
    <t>22.</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3.</t>
  </si>
  <si>
    <t>24.</t>
  </si>
  <si>
    <t>Požaduje sa uzatvorenie kúpnej zmluvy.</t>
  </si>
  <si>
    <t>Požaduje sa jednorázové dodanie nového, nepoužívaného a nerepasovaného prístroja:</t>
  </si>
  <si>
    <t>do sídla kupujúceho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5 pracovných dní vopred tak, aby objednávateľ mohol poskytnúť potrebnú súčinnosť pri dodaní,</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Dodávateľ je povinný vystaviť faktúru za dodávku tovaru v súlade s ustanovením §73 zákona č. 222/2004 Z. z. o dani z pridanej hodnoty, najneskôr však do piateho pracovného dňa v mesiaci, nasledujúceho po dni dodania tovaru.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C02 injektor - na kontrastné angiografické vyšetrenie</t>
  </si>
  <si>
    <t>Položka č. 1 - C02 injektor - na kontrastné angiografické vyšetrenie</t>
  </si>
  <si>
    <t>Injektor na intravaskulárne podávanie CO2 plynu ako eventualita k podávaniu štandardnej kontrastnej jódovej látky.</t>
  </si>
  <si>
    <t>CO2 zobrazovanie možno využívať na vizualizáciu arteriálnych aj venóznych periférnych štruktúr, vrátane aorty.</t>
  </si>
  <si>
    <t>Využíva sa hlavne ako eventualita u pacientov, u ktorých nemožno použiť štandardnú kontrastnú látku alebo jej podanie je rizikové.</t>
  </si>
  <si>
    <t xml:space="preserve">Požadujeme CO2 injektor, ktorý pracuje na základe podávania CO2 plynu intravaskulárne, nie na podklade podávania štandardnej kontrastnej jódovej látky. </t>
  </si>
  <si>
    <t xml:space="preserve">K injektoru požadujeme aj procedurálnu sadu. </t>
  </si>
  <si>
    <t>CO2 injektor musí byť schopný vizualizovať arteriálne aj venózne periférnych štruktúr, vrátane aorty.</t>
  </si>
  <si>
    <t>Musí mať indikáciu na použitie zobrazenia periférnych ciev u pacientov, u ktorých nemožno použiť štandardnú kontrastnú látku, alebo jej podanie je rizikové, teda hlavne u alergických pacientov na jód, diabetikov a pacientov so zlyhávaním obličiek.</t>
  </si>
  <si>
    <t xml:space="preserve">Prístroj musí byť plne automatizovaný a musí byť schopný použitia aj v režime kombinovaného podania CO2 a jódovej kontrastnej látky, za účelom znižovania celkovej dávky kontrastnej látky. </t>
  </si>
  <si>
    <t xml:space="preserve">Musí byť schopný diagnostických aj terapeutických výkonov - zobrazení. </t>
  </si>
  <si>
    <t>uzná navýšenie konečnej jednotkovej ceny za MJ bez DPH príslušnej položky predmetu zákazky, zašle dodávateľovi oznámenie, v ktorom potvrdí oprávnenie ním ponúknutej ceny.</t>
  </si>
  <si>
    <t>10.1</t>
  </si>
  <si>
    <t>10.2</t>
  </si>
  <si>
    <t>neuzná navýšenie konečnej jednotkovej ceny za MJ bez DPH príslušnej položky predmetu zákazky, vyhradzuje si právo odstúpiť od tejto zmluvy.</t>
  </si>
  <si>
    <t>Požaduje sa, aby v prípade ak sa úspešným dodávateľom po elektronickej aukcii stane:
- 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5.</t>
  </si>
  <si>
    <t>v lehote uvedenej v Prílohe č. 2 - "Kalkulácia ceny" maximálne však do ___ pracovných dní od doručenia od doručenia Oznámenie o výsledku vyhodnotenia splnenia požiadaviek na predmet zákazky (ďalej len "Oznámenie"),</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Súčasťou záväzku dodávateľa podľa bodu 2. je zároveň poskytnutie písomných dokladov potrebných pre riadne a bezchybné použitie zariadenia na stanovený účel, a to najmä, no nie len:                                                                                                                                                                                                                                                                                                                        - návod na použitie zariadenia v slovenskom jazyku (resp. v českom jazyku),                                                                                                                                                                                                                                                                                                                                                                                                              - záručný list,                                                                                                                                                                                                                                                                                                                                                                                                                                                                                                                                                     - preberací (akceptačný) protokol,                                                                                                                                                                                                                                                                                                                                                                                                                                                                                                - inštalačný protokol,                                                                                                                                                                                                                                                                                                                                                                                                                                                                                                                    - protokol o zaškolení zamestnancov objednávateľa s obsluhou prístroja.</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ktorá mu bude oznámená v Oznámení o výsledku vyhodnotenia splnenia požiadaviek na predmet zákazky podľa bodu 2. časti C. tejto zmluvy. Za deň splnenia peňažného záväzku sa považuje deň odpísania dlžnej sumy z účtu kupujúceho v prospech účtu predávajúceho.</t>
  </si>
  <si>
    <t>Požaduje sa v zmysle § 340b ods. 5 zákona č. 513/1991 Z.z. Obchodného zákonníka v znení neskorších predpisov splatnosť faktúry je 60 dní odo dňa jej doručenia objednávateľovi.                                                                                                                                                                                     V prípade úhrady faktúry objednávateľom do 14 dní od jej doručenia objednávateľovi, sa dodávateľ zaväzuje vystaviť dobropis vo výške ......  %* z fakturovanej sumy. 
                                                                                                                                                                                                                                                                                                                                                                                                                                                                                                                                                              * v prípade, že sa dodávateľ rozhodne objednávateľovi poskytovať zľavu za tzv. predčasnú úhradu (t.j. úhrada pred uplynutím lehoty splatnosti), uvedie výšku % v akej bude zľava z fakturovanej sumy poskytovaná. Ak takúto zľavu dodávateľ nechce poskytnúť, uvedie 0%</t>
  </si>
  <si>
    <t>technická telefonická podpora a zároveň poradenstvo pri prevádzkovaní zariadenia prostredníctvom klientského pracoviska dodávateľa v pracovných dňoch od 07:30 hod. do 15:30 hod., pričom dodávateľ musí garantovať funkčnosť a prevádzku tohto
klientskeho pracoviska.</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___ EUR bez DPH za každú ďalšiu hodinu.</t>
  </si>
  <si>
    <t>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42993200-5 Dávkovacie zariadenia</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name val="Calibri"/>
      <family val="2"/>
      <charset val="238"/>
      <scheme val="minor"/>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auto="1"/>
      </left>
      <right style="thin">
        <color auto="1"/>
      </right>
      <top/>
      <bottom style="dotted">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right style="medium">
        <color indexed="64"/>
      </right>
      <top style="thin">
        <color auto="1"/>
      </top>
      <bottom style="thin">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top style="thin">
        <color auto="1"/>
      </top>
      <bottom/>
      <diagonal/>
    </border>
    <border>
      <left/>
      <right style="medium">
        <color indexed="64"/>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0" fontId="11" fillId="2" borderId="14" xfId="0" applyNumberFormat="1" applyFont="1" applyFill="1" applyBorder="1" applyAlignment="1">
      <alignment horizontal="left" vertical="center" wrapText="1"/>
    </xf>
    <xf numFmtId="0" fontId="7" fillId="2" borderId="14"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4" fillId="0" borderId="14" xfId="0" applyNumberFormat="1" applyFont="1" applyFill="1" applyBorder="1" applyAlignment="1">
      <alignment horizontal="left" vertical="center" wrapText="1"/>
    </xf>
    <xf numFmtId="49" fontId="2" fillId="0" borderId="15" xfId="0" applyNumberFormat="1" applyFont="1" applyFill="1" applyBorder="1" applyAlignment="1">
      <alignment horizontal="left" vertical="center" wrapText="1"/>
    </xf>
    <xf numFmtId="0" fontId="4" fillId="0" borderId="28"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32" xfId="0" applyNumberFormat="1" applyFont="1" applyFill="1" applyBorder="1" applyAlignment="1">
      <alignment horizontal="left" vertical="center" wrapText="1"/>
    </xf>
    <xf numFmtId="0" fontId="4" fillId="0" borderId="33" xfId="0" applyFont="1" applyFill="1" applyBorder="1" applyAlignment="1">
      <alignment horizontal="left" vertical="center" wrapText="1"/>
    </xf>
    <xf numFmtId="49" fontId="4" fillId="0" borderId="28"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49" fontId="4" fillId="0" borderId="33" xfId="0" applyNumberFormat="1" applyFont="1" applyFill="1" applyBorder="1" applyAlignment="1">
      <alignment horizontal="left" vertical="center" wrapText="1"/>
    </xf>
    <xf numFmtId="49" fontId="4" fillId="0" borderId="37" xfId="0" applyNumberFormat="1"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49" fontId="2" fillId="0" borderId="32" xfId="0" applyNumberFormat="1" applyFont="1" applyFill="1" applyBorder="1" applyAlignment="1">
      <alignment horizontal="center" vertical="center" wrapText="1"/>
    </xf>
    <xf numFmtId="49" fontId="2" fillId="0" borderId="32" xfId="0" applyNumberFormat="1" applyFont="1" applyBorder="1" applyAlignment="1">
      <alignment horizontal="left" vertical="center"/>
    </xf>
    <xf numFmtId="49" fontId="2" fillId="0" borderId="9" xfId="0" applyNumberFormat="1" applyFont="1" applyBorder="1" applyAlignment="1">
      <alignment horizontal="left" vertical="center"/>
    </xf>
    <xf numFmtId="49" fontId="2" fillId="0" borderId="15" xfId="0" applyNumberFormat="1" applyFont="1" applyBorder="1" applyAlignment="1">
      <alignment horizontal="left" vertical="center"/>
    </xf>
    <xf numFmtId="0" fontId="2" fillId="0" borderId="14" xfId="0" applyNumberFormat="1" applyFont="1" applyBorder="1" applyAlignment="1">
      <alignment horizontal="center" vertical="center" wrapText="1"/>
    </xf>
    <xf numFmtId="0" fontId="2" fillId="0" borderId="28" xfId="0" applyNumberFormat="1" applyFont="1" applyBorder="1" applyAlignment="1">
      <alignment horizontal="center" vertical="center" wrapText="1"/>
    </xf>
    <xf numFmtId="0" fontId="2" fillId="0" borderId="37" xfId="0" applyNumberFormat="1" applyFont="1" applyBorder="1" applyAlignment="1">
      <alignment horizontal="center" vertical="center" wrapText="1"/>
    </xf>
    <xf numFmtId="0" fontId="2" fillId="0" borderId="33" xfId="0" applyNumberFormat="1" applyFont="1" applyBorder="1" applyAlignment="1">
      <alignment horizontal="center" vertical="center" wrapText="1"/>
    </xf>
    <xf numFmtId="0" fontId="10" fillId="0" borderId="0" xfId="0" applyFont="1" applyFill="1" applyAlignment="1">
      <alignment vertical="center" wrapText="1"/>
    </xf>
    <xf numFmtId="49" fontId="9" fillId="0" borderId="0" xfId="0" applyNumberFormat="1" applyFont="1" applyFill="1" applyAlignment="1">
      <alignment horizontal="left" vertical="center" wrapText="1"/>
    </xf>
    <xf numFmtId="0" fontId="4" fillId="0" borderId="14" xfId="0" applyFont="1" applyFill="1" applyBorder="1" applyAlignment="1">
      <alignment vertical="center" wrapText="1"/>
    </xf>
    <xf numFmtId="49" fontId="2" fillId="0" borderId="32" xfId="0" applyNumberFormat="1" applyFont="1" applyBorder="1" applyAlignment="1">
      <alignment vertical="center"/>
    </xf>
    <xf numFmtId="0" fontId="4" fillId="0" borderId="14" xfId="0" applyFont="1" applyFill="1" applyBorder="1" applyAlignment="1">
      <alignment horizontal="center" vertical="center" wrapText="1"/>
    </xf>
    <xf numFmtId="0" fontId="14" fillId="0" borderId="14" xfId="0" applyFont="1" applyFill="1" applyBorder="1" applyAlignment="1">
      <alignment horizontal="center" vertical="center" wrapText="1"/>
    </xf>
    <xf numFmtId="0" fontId="2" fillId="0" borderId="27" xfId="0" applyFont="1" applyFill="1" applyBorder="1" applyAlignment="1">
      <alignment horizontal="left" vertical="center" wrapText="1"/>
    </xf>
    <xf numFmtId="0" fontId="3" fillId="0" borderId="26"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35"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0" fontId="4" fillId="0" borderId="0" xfId="0" applyFont="1" applyFill="1" applyAlignment="1">
      <alignment horizontal="left" vertical="top" wrapText="1"/>
    </xf>
    <xf numFmtId="49" fontId="2" fillId="0" borderId="14"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5" fillId="0" borderId="0" xfId="0" applyFont="1" applyFill="1" applyAlignment="1">
      <alignment horizontal="left" vertical="center" wrapText="1"/>
    </xf>
    <xf numFmtId="0" fontId="13" fillId="0" borderId="0" xfId="0" applyFont="1" applyFill="1" applyAlignment="1">
      <alignment horizontal="left"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NumberFormat="1" applyFont="1" applyFill="1" applyAlignment="1">
      <alignment horizontal="left" vertical="top" wrapText="1"/>
    </xf>
    <xf numFmtId="49" fontId="2" fillId="0" borderId="39" xfId="0" applyNumberFormat="1" applyFont="1" applyBorder="1" applyAlignment="1">
      <alignment horizontal="left" vertical="center" wrapText="1"/>
    </xf>
    <xf numFmtId="49" fontId="2" fillId="0" borderId="40" xfId="0" applyNumberFormat="1" applyFont="1" applyBorder="1" applyAlignment="1">
      <alignment horizontal="left" vertical="center" wrapText="1"/>
    </xf>
    <xf numFmtId="0" fontId="2" fillId="0" borderId="23"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0" xfId="0" applyFont="1" applyFill="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16" fontId="3" fillId="0" borderId="0" xfId="0" applyNumberFormat="1" applyFont="1" applyFill="1" applyAlignment="1">
      <alignment horizontal="left" vertical="top" wrapText="1"/>
    </xf>
    <xf numFmtId="0" fontId="5"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2" fillId="0" borderId="37" xfId="0" applyNumberFormat="1" applyFont="1" applyBorder="1" applyAlignment="1">
      <alignment horizontal="left" vertical="center" wrapText="1"/>
    </xf>
    <xf numFmtId="49" fontId="2" fillId="0" borderId="38"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7" xfId="0" applyNumberFormat="1"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14" xfId="0" applyFont="1" applyFill="1" applyBorder="1" applyAlignment="1">
      <alignment horizontal="center" vertical="center" wrapText="1"/>
    </xf>
    <xf numFmtId="0" fontId="2" fillId="0" borderId="10"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O144"/>
  <sheetViews>
    <sheetView showGridLines="0" tabSelected="1" topLeftCell="A25" zoomScaleNormal="100" workbookViewId="0">
      <selection activeCell="O39" sqref="O3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3" t="s">
        <v>50</v>
      </c>
      <c r="C1" s="113"/>
      <c r="D1" s="113"/>
      <c r="E1" s="113"/>
      <c r="F1" s="113"/>
    </row>
    <row r="2" spans="2:6" ht="27.75" customHeight="1" x14ac:dyDescent="0.2">
      <c r="B2" s="112" t="s">
        <v>47</v>
      </c>
      <c r="C2" s="112"/>
      <c r="D2" s="112"/>
      <c r="E2" s="112"/>
      <c r="F2" s="112"/>
    </row>
    <row r="3" spans="2:6" ht="54.75" customHeight="1" x14ac:dyDescent="0.2">
      <c r="B3" s="118" t="s">
        <v>54</v>
      </c>
      <c r="C3" s="118"/>
      <c r="D3" s="118"/>
      <c r="E3" s="118"/>
      <c r="F3" s="118"/>
    </row>
    <row r="4" spans="2:6" ht="24.95" customHeight="1" x14ac:dyDescent="0.2">
      <c r="B4" s="45" t="s">
        <v>53</v>
      </c>
      <c r="C4" s="46"/>
      <c r="D4" s="40"/>
      <c r="E4" s="40"/>
      <c r="F4" s="40"/>
    </row>
    <row r="5" spans="2:6" ht="24.95" customHeight="1" x14ac:dyDescent="0.2">
      <c r="B5" s="45" t="s">
        <v>51</v>
      </c>
      <c r="C5" s="47"/>
      <c r="D5" s="40"/>
      <c r="E5" s="40"/>
      <c r="F5" s="40"/>
    </row>
    <row r="6" spans="2:6" ht="5.0999999999999996" customHeight="1" x14ac:dyDescent="0.2">
      <c r="B6" s="40"/>
      <c r="C6" s="40"/>
      <c r="D6" s="40"/>
      <c r="E6" s="40"/>
      <c r="F6" s="40"/>
    </row>
    <row r="7" spans="2:6" s="2" customFormat="1" ht="20.100000000000001" customHeight="1" x14ac:dyDescent="0.25">
      <c r="B7" s="94" t="s">
        <v>5</v>
      </c>
      <c r="C7" s="94"/>
      <c r="D7" s="94"/>
      <c r="E7" s="94"/>
      <c r="F7" s="94"/>
    </row>
    <row r="8" spans="2:6" s="2" customFormat="1" ht="20.100000000000001" customHeight="1" x14ac:dyDescent="0.25">
      <c r="B8" s="128" t="s">
        <v>9</v>
      </c>
      <c r="C8" s="128"/>
      <c r="D8" s="128"/>
      <c r="E8" s="128"/>
      <c r="F8" s="128"/>
    </row>
    <row r="9" spans="2:6" ht="24.95" customHeight="1" x14ac:dyDescent="0.2">
      <c r="B9" s="129" t="s">
        <v>145</v>
      </c>
      <c r="C9" s="129"/>
      <c r="D9" s="129"/>
      <c r="E9" s="129"/>
      <c r="F9" s="129"/>
    </row>
    <row r="10" spans="2:6" ht="4.5" customHeight="1" x14ac:dyDescent="0.2">
      <c r="B10" s="42"/>
      <c r="C10" s="42"/>
      <c r="D10" s="42"/>
      <c r="E10" s="42"/>
      <c r="F10" s="42"/>
    </row>
    <row r="11" spans="2:6" s="2" customFormat="1" ht="20.100000000000001" customHeight="1" x14ac:dyDescent="0.25">
      <c r="B11" s="130" t="s">
        <v>10</v>
      </c>
      <c r="C11" s="130"/>
      <c r="D11" s="130"/>
      <c r="E11" s="130"/>
      <c r="F11" s="130"/>
    </row>
    <row r="12" spans="2:6" s="2" customFormat="1" ht="20.100000000000001" customHeight="1" x14ac:dyDescent="0.25">
      <c r="B12" s="81" t="s">
        <v>172</v>
      </c>
      <c r="C12" s="81"/>
      <c r="D12" s="81"/>
      <c r="E12" s="52"/>
      <c r="F12" s="52"/>
    </row>
    <row r="13" spans="2:6" s="2" customFormat="1" ht="20.100000000000001" customHeight="1" x14ac:dyDescent="0.25">
      <c r="B13" s="81" t="s">
        <v>27</v>
      </c>
      <c r="C13" s="81"/>
      <c r="D13" s="81"/>
      <c r="E13" s="57"/>
      <c r="F13" s="57"/>
    </row>
    <row r="14" spans="2:6" s="3" customFormat="1" ht="20.100000000000001" customHeight="1" x14ac:dyDescent="0.25">
      <c r="B14" s="81"/>
      <c r="C14" s="81"/>
      <c r="D14" s="81"/>
      <c r="E14" s="20"/>
      <c r="F14" s="21"/>
    </row>
    <row r="15" spans="2:6" ht="4.5" customHeight="1" x14ac:dyDescent="0.2">
      <c r="B15" s="53"/>
      <c r="C15" s="53"/>
      <c r="D15" s="53"/>
      <c r="E15" s="42"/>
      <c r="F15" s="42"/>
    </row>
    <row r="16" spans="2:6" ht="20.100000000000001" customHeight="1" x14ac:dyDescent="0.2">
      <c r="B16" s="41" t="s">
        <v>11</v>
      </c>
      <c r="C16" s="22"/>
      <c r="D16" s="22"/>
      <c r="E16" s="23"/>
      <c r="F16" s="23"/>
    </row>
    <row r="17" spans="2:7" s="3" customFormat="1" ht="24.95" customHeight="1" x14ac:dyDescent="0.25">
      <c r="B17" s="95" t="s">
        <v>60</v>
      </c>
      <c r="C17" s="95"/>
      <c r="D17" s="95"/>
      <c r="E17" s="20"/>
      <c r="F17" s="21"/>
    </row>
    <row r="18" spans="2:7" ht="5.0999999999999996" customHeight="1" x14ac:dyDescent="0.2">
      <c r="B18" s="96"/>
      <c r="C18" s="96"/>
      <c r="D18" s="96"/>
      <c r="F18" s="17"/>
    </row>
    <row r="19" spans="2:7" s="2" customFormat="1" ht="20.100000000000001" customHeight="1" x14ac:dyDescent="0.25">
      <c r="B19" s="94" t="s">
        <v>24</v>
      </c>
      <c r="C19" s="94"/>
      <c r="D19" s="94"/>
      <c r="E19" s="94"/>
      <c r="F19" s="94"/>
    </row>
    <row r="20" spans="2:7" ht="42.75" customHeight="1" x14ac:dyDescent="0.2">
      <c r="B20" s="97" t="s">
        <v>145</v>
      </c>
      <c r="C20" s="97"/>
      <c r="D20" s="97"/>
      <c r="E20" s="97"/>
      <c r="F20" s="97"/>
    </row>
    <row r="21" spans="2:7" ht="5.0999999999999996" customHeight="1" x14ac:dyDescent="0.2">
      <c r="B21" s="96"/>
      <c r="C21" s="96"/>
      <c r="D21" s="96"/>
      <c r="F21" s="17"/>
    </row>
    <row r="22" spans="2:7" s="2" customFormat="1" ht="20.100000000000001" customHeight="1" x14ac:dyDescent="0.25">
      <c r="B22" s="94" t="s">
        <v>25</v>
      </c>
      <c r="C22" s="94"/>
      <c r="D22" s="94"/>
      <c r="E22" s="94"/>
      <c r="F22" s="94"/>
    </row>
    <row r="23" spans="2:7" s="9" customFormat="1" ht="20.100000000000001" customHeight="1" x14ac:dyDescent="0.25">
      <c r="B23" s="89" t="s">
        <v>6</v>
      </c>
      <c r="C23" s="89"/>
      <c r="D23" s="89"/>
      <c r="E23" s="89"/>
      <c r="F23" s="89"/>
    </row>
    <row r="24" spans="2:7" s="9" customFormat="1" ht="20.100000000000001" customHeight="1" x14ac:dyDescent="0.25">
      <c r="B24" s="114" t="s">
        <v>18</v>
      </c>
      <c r="C24" s="115"/>
      <c r="D24" s="16"/>
      <c r="E24" s="16"/>
      <c r="F24" s="16"/>
    </row>
    <row r="25" spans="2:7" s="9" customFormat="1" ht="20.100000000000001" customHeight="1" x14ac:dyDescent="0.25">
      <c r="B25" s="15"/>
      <c r="C25" s="15" t="s">
        <v>22</v>
      </c>
      <c r="D25" s="16"/>
      <c r="E25" s="16"/>
      <c r="F25" s="16"/>
    </row>
    <row r="26" spans="2:7" s="9" customFormat="1" ht="20.100000000000001" customHeight="1" x14ac:dyDescent="0.25">
      <c r="B26" s="15"/>
      <c r="C26" s="15" t="s">
        <v>23</v>
      </c>
      <c r="D26" s="16"/>
      <c r="E26" s="16"/>
      <c r="F26" s="16"/>
    </row>
    <row r="27" spans="2:7" s="9" customFormat="1" ht="20.100000000000001" customHeight="1" x14ac:dyDescent="0.25">
      <c r="B27" s="114" t="s">
        <v>19</v>
      </c>
      <c r="C27" s="115"/>
      <c r="D27" s="16"/>
      <c r="E27" s="16"/>
      <c r="F27" s="16"/>
    </row>
    <row r="28" spans="2:7" s="9" customFormat="1" ht="31.5" customHeight="1" x14ac:dyDescent="0.25">
      <c r="B28" s="18" t="s">
        <v>20</v>
      </c>
      <c r="C28" s="90" t="s">
        <v>13</v>
      </c>
      <c r="D28" s="91"/>
      <c r="E28" s="19" t="s">
        <v>12</v>
      </c>
      <c r="F28" s="19" t="s">
        <v>14</v>
      </c>
    </row>
    <row r="29" spans="2:7" s="9" customFormat="1" ht="24.95" customHeight="1" x14ac:dyDescent="0.25">
      <c r="B29" s="71" t="s">
        <v>2</v>
      </c>
      <c r="C29" s="136" t="s">
        <v>145</v>
      </c>
      <c r="D29" s="137"/>
      <c r="E29" s="73" t="s">
        <v>1</v>
      </c>
      <c r="F29" s="74">
        <v>1</v>
      </c>
      <c r="G29" s="69"/>
    </row>
    <row r="30" spans="2:7" s="9" customFormat="1" ht="4.5" customHeight="1" x14ac:dyDescent="0.25">
      <c r="B30" s="70"/>
      <c r="C30" s="70"/>
      <c r="D30" s="70"/>
      <c r="E30" s="70"/>
      <c r="F30" s="70"/>
      <c r="G30" s="69"/>
    </row>
    <row r="31" spans="2:7" s="9" customFormat="1" ht="20.100000000000001" customHeight="1" x14ac:dyDescent="0.25">
      <c r="B31" s="92" t="s">
        <v>21</v>
      </c>
      <c r="C31" s="93"/>
      <c r="D31" s="70"/>
      <c r="E31" s="70"/>
      <c r="F31" s="70"/>
      <c r="G31" s="69"/>
    </row>
    <row r="32" spans="2:7" s="9" customFormat="1" ht="20.100000000000001" customHeight="1" x14ac:dyDescent="0.2">
      <c r="B32" s="10"/>
      <c r="C32" s="9" t="s">
        <v>3</v>
      </c>
      <c r="D32" s="16"/>
      <c r="E32" s="16"/>
      <c r="F32" s="16"/>
    </row>
    <row r="33" spans="2:15" s="9" customFormat="1" ht="20.100000000000001" customHeight="1" x14ac:dyDescent="0.25">
      <c r="B33" s="15"/>
      <c r="C33" s="2" t="s">
        <v>4</v>
      </c>
      <c r="D33" s="16"/>
      <c r="E33" s="16"/>
      <c r="F33" s="16"/>
    </row>
    <row r="34" spans="2:15" ht="5.0999999999999996" customHeight="1" x14ac:dyDescent="0.2"/>
    <row r="35" spans="2:15" s="2" customFormat="1" ht="20.100000000000001" customHeight="1" x14ac:dyDescent="0.25">
      <c r="B35" s="94" t="s">
        <v>26</v>
      </c>
      <c r="C35" s="94"/>
      <c r="D35" s="94"/>
      <c r="E35" s="94"/>
      <c r="F35" s="94"/>
    </row>
    <row r="36" spans="2:15" s="2" customFormat="1" ht="5.0999999999999996" customHeight="1" thickBot="1" x14ac:dyDescent="0.3">
      <c r="B36" s="17"/>
      <c r="D36" s="6"/>
      <c r="E36" s="6"/>
      <c r="F36" s="6"/>
    </row>
    <row r="37" spans="2:15" s="3" customFormat="1" ht="93" customHeight="1" x14ac:dyDescent="0.25">
      <c r="B37" s="102" t="s">
        <v>0</v>
      </c>
      <c r="C37" s="103"/>
      <c r="D37" s="84" t="s">
        <v>28</v>
      </c>
      <c r="E37" s="85"/>
      <c r="F37" s="86"/>
      <c r="G37" s="24"/>
    </row>
    <row r="38" spans="2:15" s="3" customFormat="1" ht="30" customHeight="1" thickBot="1" x14ac:dyDescent="0.3">
      <c r="B38" s="104"/>
      <c r="C38" s="105"/>
      <c r="D38" s="25" t="s">
        <v>29</v>
      </c>
      <c r="E38" s="87" t="s">
        <v>30</v>
      </c>
      <c r="F38" s="88"/>
    </row>
    <row r="39" spans="2:15" s="26" customFormat="1" ht="30.75" customHeight="1" x14ac:dyDescent="0.25">
      <c r="B39" s="133" t="s">
        <v>146</v>
      </c>
      <c r="C39" s="134"/>
      <c r="D39" s="134"/>
      <c r="E39" s="134"/>
      <c r="F39" s="135"/>
      <c r="O39" s="4"/>
    </row>
    <row r="40" spans="2:15" s="4" customFormat="1" ht="30" customHeight="1" x14ac:dyDescent="0.25">
      <c r="B40" s="63" t="s">
        <v>16</v>
      </c>
      <c r="C40" s="49" t="s">
        <v>147</v>
      </c>
      <c r="D40" s="65"/>
      <c r="E40" s="82"/>
      <c r="F40" s="83"/>
    </row>
    <row r="41" spans="2:15" s="4" customFormat="1" ht="30" customHeight="1" x14ac:dyDescent="0.25">
      <c r="B41" s="63" t="s">
        <v>61</v>
      </c>
      <c r="C41" s="49" t="s">
        <v>148</v>
      </c>
      <c r="D41" s="65"/>
      <c r="E41" s="82"/>
      <c r="F41" s="83"/>
    </row>
    <row r="42" spans="2:15" s="4" customFormat="1" ht="30" customHeight="1" x14ac:dyDescent="0.25">
      <c r="B42" s="63" t="s">
        <v>62</v>
      </c>
      <c r="C42" s="49" t="s">
        <v>149</v>
      </c>
      <c r="D42" s="65"/>
      <c r="E42" s="82"/>
      <c r="F42" s="83"/>
    </row>
    <row r="43" spans="2:15" s="4" customFormat="1" ht="30" customHeight="1" x14ac:dyDescent="0.25">
      <c r="B43" s="72" t="s">
        <v>63</v>
      </c>
      <c r="C43" s="59" t="s">
        <v>150</v>
      </c>
      <c r="D43" s="67"/>
      <c r="E43" s="131"/>
      <c r="F43" s="132"/>
    </row>
    <row r="44" spans="2:15" s="4" customFormat="1" ht="30" customHeight="1" x14ac:dyDescent="0.25">
      <c r="B44" s="62" t="s">
        <v>64</v>
      </c>
      <c r="C44" s="58" t="s">
        <v>151</v>
      </c>
      <c r="D44" s="65"/>
      <c r="E44" s="82"/>
      <c r="F44" s="83"/>
    </row>
    <row r="45" spans="2:15" s="4" customFormat="1" ht="30" customHeight="1" x14ac:dyDescent="0.25">
      <c r="B45" s="63" t="s">
        <v>65</v>
      </c>
      <c r="C45" s="49" t="s">
        <v>152</v>
      </c>
      <c r="D45" s="65"/>
      <c r="E45" s="82"/>
      <c r="F45" s="83"/>
    </row>
    <row r="46" spans="2:15" s="4" customFormat="1" ht="47.1" customHeight="1" x14ac:dyDescent="0.25">
      <c r="B46" s="63" t="s">
        <v>66</v>
      </c>
      <c r="C46" s="49" t="s">
        <v>153</v>
      </c>
      <c r="D46" s="65"/>
      <c r="E46" s="82"/>
      <c r="F46" s="83"/>
    </row>
    <row r="47" spans="2:15" s="4" customFormat="1" ht="47.1" customHeight="1" x14ac:dyDescent="0.25">
      <c r="B47" s="72" t="s">
        <v>67</v>
      </c>
      <c r="C47" s="59" t="s">
        <v>154</v>
      </c>
      <c r="D47" s="68"/>
      <c r="E47" s="98"/>
      <c r="F47" s="99"/>
    </row>
    <row r="48" spans="2:15" s="4" customFormat="1" ht="30" customHeight="1" thickBot="1" x14ac:dyDescent="0.3">
      <c r="B48" s="64" t="s">
        <v>68</v>
      </c>
      <c r="C48" s="56" t="s">
        <v>155</v>
      </c>
      <c r="D48" s="66"/>
      <c r="E48" s="79"/>
      <c r="F48" s="80"/>
    </row>
    <row r="49" spans="2:6" s="3" customFormat="1" ht="5.0999999999999996" customHeight="1" x14ac:dyDescent="0.25">
      <c r="B49" s="5"/>
      <c r="C49" s="5"/>
      <c r="D49" s="7"/>
      <c r="E49" s="7"/>
      <c r="F49" s="27"/>
    </row>
    <row r="50" spans="2:6" s="2" customFormat="1" ht="20.100000000000001" customHeight="1" x14ac:dyDescent="0.25">
      <c r="B50" s="94" t="s">
        <v>48</v>
      </c>
      <c r="C50" s="94"/>
      <c r="D50" s="94"/>
      <c r="E50" s="94"/>
      <c r="F50" s="94"/>
    </row>
    <row r="51" spans="2:6" s="2" customFormat="1" ht="5.0999999999999996" customHeight="1" thickBot="1" x14ac:dyDescent="0.3">
      <c r="B51" s="17"/>
      <c r="D51" s="6"/>
      <c r="E51" s="6"/>
      <c r="F51" s="6"/>
    </row>
    <row r="52" spans="2:6" s="3" customFormat="1" ht="69" customHeight="1" x14ac:dyDescent="0.25">
      <c r="B52" s="102" t="s">
        <v>8</v>
      </c>
      <c r="C52" s="103"/>
      <c r="D52" s="84" t="s">
        <v>31</v>
      </c>
      <c r="E52" s="85"/>
      <c r="F52" s="86"/>
    </row>
    <row r="53" spans="2:6" s="3" customFormat="1" ht="30" customHeight="1" thickBot="1" x14ac:dyDescent="0.3">
      <c r="B53" s="104"/>
      <c r="C53" s="105"/>
      <c r="D53" s="25" t="s">
        <v>7</v>
      </c>
      <c r="E53" s="106" t="s">
        <v>32</v>
      </c>
      <c r="F53" s="107"/>
    </row>
    <row r="54" spans="2:6" s="2" customFormat="1" ht="30" customHeight="1" x14ac:dyDescent="0.25">
      <c r="B54" s="13" t="s">
        <v>16</v>
      </c>
      <c r="C54" s="28" t="s">
        <v>137</v>
      </c>
      <c r="D54" s="65"/>
      <c r="E54" s="77"/>
      <c r="F54" s="78"/>
    </row>
    <row r="55" spans="2:6" s="2" customFormat="1" ht="30" customHeight="1" x14ac:dyDescent="0.25">
      <c r="B55" s="13" t="s">
        <v>61</v>
      </c>
      <c r="C55" s="28" t="s">
        <v>138</v>
      </c>
      <c r="D55" s="65"/>
      <c r="E55" s="77"/>
      <c r="F55" s="78"/>
    </row>
    <row r="56" spans="2:6" s="2" customFormat="1" ht="38.25" x14ac:dyDescent="0.25">
      <c r="B56" s="60" t="s">
        <v>83</v>
      </c>
      <c r="C56" s="28" t="s">
        <v>163</v>
      </c>
      <c r="D56" s="65"/>
      <c r="E56" s="77"/>
      <c r="F56" s="78"/>
    </row>
    <row r="57" spans="2:6" s="2" customFormat="1" ht="30" customHeight="1" x14ac:dyDescent="0.25">
      <c r="B57" s="60" t="s">
        <v>84</v>
      </c>
      <c r="C57" s="28" t="s">
        <v>79</v>
      </c>
      <c r="D57" s="65"/>
      <c r="E57" s="77"/>
      <c r="F57" s="78"/>
    </row>
    <row r="58" spans="2:6" s="2" customFormat="1" ht="30" customHeight="1" x14ac:dyDescent="0.25">
      <c r="B58" s="60" t="s">
        <v>85</v>
      </c>
      <c r="C58" s="28" t="s">
        <v>80</v>
      </c>
      <c r="D58" s="65"/>
      <c r="E58" s="77"/>
      <c r="F58" s="78"/>
    </row>
    <row r="59" spans="2:6" s="2" customFormat="1" ht="51" x14ac:dyDescent="0.25">
      <c r="B59" s="60" t="s">
        <v>86</v>
      </c>
      <c r="C59" s="28" t="s">
        <v>139</v>
      </c>
      <c r="D59" s="65"/>
      <c r="E59" s="77"/>
      <c r="F59" s="78"/>
    </row>
    <row r="60" spans="2:6" s="2" customFormat="1" ht="30.75" customHeight="1" x14ac:dyDescent="0.25">
      <c r="B60" s="60" t="s">
        <v>87</v>
      </c>
      <c r="C60" s="28" t="s">
        <v>140</v>
      </c>
      <c r="D60" s="65"/>
      <c r="E60" s="77"/>
      <c r="F60" s="78"/>
    </row>
    <row r="61" spans="2:6" s="2" customFormat="1" ht="127.5" x14ac:dyDescent="0.25">
      <c r="B61" s="60" t="s">
        <v>88</v>
      </c>
      <c r="C61" s="28" t="s">
        <v>164</v>
      </c>
      <c r="D61" s="65"/>
      <c r="E61" s="77"/>
      <c r="F61" s="78"/>
    </row>
    <row r="62" spans="2:6" s="2" customFormat="1" ht="76.5" x14ac:dyDescent="0.25">
      <c r="B62" s="60" t="s">
        <v>82</v>
      </c>
      <c r="C62" s="28" t="s">
        <v>81</v>
      </c>
      <c r="D62" s="65"/>
      <c r="E62" s="77"/>
      <c r="F62" s="78"/>
    </row>
    <row r="63" spans="2:6" s="2" customFormat="1" ht="38.25" x14ac:dyDescent="0.25">
      <c r="B63" s="13" t="s">
        <v>62</v>
      </c>
      <c r="C63" s="28" t="s">
        <v>89</v>
      </c>
      <c r="D63" s="65"/>
      <c r="E63" s="77"/>
      <c r="F63" s="78"/>
    </row>
    <row r="64" spans="2:6" s="2" customFormat="1" ht="102" x14ac:dyDescent="0.25">
      <c r="B64" s="13" t="s">
        <v>63</v>
      </c>
      <c r="C64" s="28" t="s">
        <v>141</v>
      </c>
      <c r="D64" s="65"/>
      <c r="E64" s="77"/>
      <c r="F64" s="78"/>
    </row>
    <row r="65" spans="2:6" s="2" customFormat="1" ht="102" x14ac:dyDescent="0.25">
      <c r="B65" s="13" t="s">
        <v>64</v>
      </c>
      <c r="C65" s="28" t="s">
        <v>165</v>
      </c>
      <c r="D65" s="65"/>
      <c r="E65" s="77"/>
      <c r="F65" s="78"/>
    </row>
    <row r="66" spans="2:6" s="2" customFormat="1" ht="89.25" x14ac:dyDescent="0.25">
      <c r="B66" s="13" t="s">
        <v>65</v>
      </c>
      <c r="C66" s="28" t="s">
        <v>142</v>
      </c>
      <c r="D66" s="65"/>
      <c r="E66" s="77"/>
      <c r="F66" s="78"/>
    </row>
    <row r="67" spans="2:6" s="2" customFormat="1" ht="89.25" x14ac:dyDescent="0.25">
      <c r="B67" s="13" t="s">
        <v>66</v>
      </c>
      <c r="C67" s="28" t="s">
        <v>166</v>
      </c>
      <c r="D67" s="65"/>
      <c r="E67" s="77"/>
      <c r="F67" s="78"/>
    </row>
    <row r="68" spans="2:6" s="2" customFormat="1" ht="140.25" x14ac:dyDescent="0.25">
      <c r="B68" s="13" t="s">
        <v>67</v>
      </c>
      <c r="C68" s="28" t="s">
        <v>167</v>
      </c>
      <c r="D68" s="65"/>
      <c r="E68" s="77"/>
      <c r="F68" s="78"/>
    </row>
    <row r="69" spans="2:6" s="2" customFormat="1" ht="105.75" customHeight="1" x14ac:dyDescent="0.25">
      <c r="B69" s="13" t="s">
        <v>68</v>
      </c>
      <c r="C69" s="28" t="s">
        <v>90</v>
      </c>
      <c r="D69" s="65"/>
      <c r="E69" s="77"/>
      <c r="F69" s="78"/>
    </row>
    <row r="70" spans="2:6" s="2" customFormat="1" ht="153" x14ac:dyDescent="0.25">
      <c r="B70" s="13" t="s">
        <v>69</v>
      </c>
      <c r="C70" s="28" t="s">
        <v>160</v>
      </c>
      <c r="D70" s="65"/>
      <c r="E70" s="77"/>
      <c r="F70" s="78"/>
    </row>
    <row r="71" spans="2:6" s="2" customFormat="1" ht="38.25" x14ac:dyDescent="0.25">
      <c r="B71" s="60" t="s">
        <v>157</v>
      </c>
      <c r="C71" s="28" t="s">
        <v>156</v>
      </c>
      <c r="D71" s="65"/>
      <c r="E71" s="110"/>
      <c r="F71" s="111"/>
    </row>
    <row r="72" spans="2:6" s="2" customFormat="1" ht="25.5" x14ac:dyDescent="0.25">
      <c r="B72" s="60" t="s">
        <v>158</v>
      </c>
      <c r="C72" s="28" t="s">
        <v>159</v>
      </c>
      <c r="D72" s="65"/>
      <c r="E72" s="110"/>
      <c r="F72" s="111"/>
    </row>
    <row r="73" spans="2:6" s="2" customFormat="1" ht="114.75" x14ac:dyDescent="0.25">
      <c r="B73" s="13" t="s">
        <v>70</v>
      </c>
      <c r="C73" s="28" t="s">
        <v>91</v>
      </c>
      <c r="D73" s="65"/>
      <c r="E73" s="77"/>
      <c r="F73" s="78"/>
    </row>
    <row r="74" spans="2:6" s="2" customFormat="1" ht="89.25" x14ac:dyDescent="0.25">
      <c r="B74" s="13" t="s">
        <v>71</v>
      </c>
      <c r="C74" s="28" t="s">
        <v>92</v>
      </c>
      <c r="D74" s="65"/>
      <c r="E74" s="77"/>
      <c r="F74" s="78"/>
    </row>
    <row r="75" spans="2:6" s="2" customFormat="1" ht="25.5" x14ac:dyDescent="0.25">
      <c r="B75" s="60" t="s">
        <v>94</v>
      </c>
      <c r="C75" s="28" t="s">
        <v>93</v>
      </c>
      <c r="D75" s="65"/>
      <c r="E75" s="77"/>
      <c r="F75" s="78"/>
    </row>
    <row r="76" spans="2:6" s="2" customFormat="1" ht="38.25" x14ac:dyDescent="0.25">
      <c r="B76" s="60" t="s">
        <v>96</v>
      </c>
      <c r="C76" s="28" t="s">
        <v>95</v>
      </c>
      <c r="D76" s="65"/>
      <c r="E76" s="77"/>
      <c r="F76" s="78"/>
    </row>
    <row r="77" spans="2:6" s="2" customFormat="1" ht="63.75" x14ac:dyDescent="0.25">
      <c r="B77" s="60" t="s">
        <v>98</v>
      </c>
      <c r="C77" s="55" t="s">
        <v>97</v>
      </c>
      <c r="D77" s="65"/>
      <c r="E77" s="77"/>
      <c r="F77" s="78"/>
    </row>
    <row r="78" spans="2:6" s="2" customFormat="1" ht="38.25" x14ac:dyDescent="0.25">
      <c r="B78" s="60" t="s">
        <v>103</v>
      </c>
      <c r="C78" s="55" t="s">
        <v>99</v>
      </c>
      <c r="D78" s="65"/>
      <c r="E78" s="77"/>
      <c r="F78" s="78"/>
    </row>
    <row r="79" spans="2:6" s="2" customFormat="1" ht="38.25" x14ac:dyDescent="0.25">
      <c r="B79" s="60" t="s">
        <v>104</v>
      </c>
      <c r="C79" s="28" t="s">
        <v>100</v>
      </c>
      <c r="D79" s="65"/>
      <c r="E79" s="77"/>
      <c r="F79" s="78"/>
    </row>
    <row r="80" spans="2:6" s="2" customFormat="1" ht="63.75" x14ac:dyDescent="0.25">
      <c r="B80" s="60" t="s">
        <v>105</v>
      </c>
      <c r="C80" s="28" t="s">
        <v>101</v>
      </c>
      <c r="D80" s="65"/>
      <c r="E80" s="77"/>
      <c r="F80" s="78"/>
    </row>
    <row r="81" spans="2:6" s="2" customFormat="1" ht="30" customHeight="1" x14ac:dyDescent="0.25">
      <c r="B81" s="60" t="s">
        <v>106</v>
      </c>
      <c r="C81" s="55" t="s">
        <v>102</v>
      </c>
      <c r="D81" s="65"/>
      <c r="E81" s="77"/>
      <c r="F81" s="78"/>
    </row>
    <row r="82" spans="2:6" s="2" customFormat="1" ht="30" customHeight="1" x14ac:dyDescent="0.25">
      <c r="B82" s="60" t="s">
        <v>107</v>
      </c>
      <c r="C82" s="55" t="s">
        <v>110</v>
      </c>
      <c r="D82" s="65"/>
      <c r="E82" s="77"/>
      <c r="F82" s="78"/>
    </row>
    <row r="83" spans="2:6" s="2" customFormat="1" ht="38.25" x14ac:dyDescent="0.25">
      <c r="B83" s="60" t="s">
        <v>108</v>
      </c>
      <c r="C83" s="55" t="s">
        <v>111</v>
      </c>
      <c r="D83" s="65"/>
      <c r="E83" s="77"/>
      <c r="F83" s="78"/>
    </row>
    <row r="84" spans="2:6" s="2" customFormat="1" ht="63.75" x14ac:dyDescent="0.25">
      <c r="B84" s="60" t="s">
        <v>109</v>
      </c>
      <c r="C84" s="55" t="s">
        <v>168</v>
      </c>
      <c r="D84" s="65"/>
      <c r="E84" s="77"/>
      <c r="F84" s="78"/>
    </row>
    <row r="85" spans="2:6" s="2" customFormat="1" ht="153" x14ac:dyDescent="0.25">
      <c r="B85" s="54" t="s">
        <v>73</v>
      </c>
      <c r="C85" s="55" t="s">
        <v>169</v>
      </c>
      <c r="D85" s="65"/>
      <c r="E85" s="77"/>
      <c r="F85" s="78"/>
    </row>
    <row r="86" spans="2:6" s="2" customFormat="1" ht="134.25" customHeight="1" x14ac:dyDescent="0.25">
      <c r="B86" s="54" t="s">
        <v>74</v>
      </c>
      <c r="C86" s="55" t="s">
        <v>143</v>
      </c>
      <c r="D86" s="65"/>
      <c r="E86" s="77"/>
      <c r="F86" s="78"/>
    </row>
    <row r="87" spans="2:6" s="2" customFormat="1" ht="57.75" customHeight="1" x14ac:dyDescent="0.25">
      <c r="B87" s="54" t="s">
        <v>75</v>
      </c>
      <c r="C87" s="55" t="s">
        <v>112</v>
      </c>
      <c r="D87" s="65"/>
      <c r="E87" s="77"/>
      <c r="F87" s="78"/>
    </row>
    <row r="88" spans="2:6" s="2" customFormat="1" ht="78" customHeight="1" x14ac:dyDescent="0.25">
      <c r="B88" s="61" t="s">
        <v>114</v>
      </c>
      <c r="C88" s="55" t="s">
        <v>113</v>
      </c>
      <c r="D88" s="65"/>
      <c r="E88" s="77"/>
      <c r="F88" s="78"/>
    </row>
    <row r="89" spans="2:6" s="2" customFormat="1" ht="25.5" x14ac:dyDescent="0.25">
      <c r="B89" s="54" t="s">
        <v>76</v>
      </c>
      <c r="C89" s="55" t="s">
        <v>115</v>
      </c>
      <c r="D89" s="65" t="s">
        <v>78</v>
      </c>
      <c r="E89" s="138" t="s">
        <v>78</v>
      </c>
      <c r="F89" s="139"/>
    </row>
    <row r="90" spans="2:6" s="2" customFormat="1" ht="25.5" x14ac:dyDescent="0.25">
      <c r="B90" s="61" t="s">
        <v>116</v>
      </c>
      <c r="C90" s="55" t="s">
        <v>117</v>
      </c>
      <c r="D90" s="65"/>
      <c r="E90" s="77"/>
      <c r="F90" s="78"/>
    </row>
    <row r="91" spans="2:6" s="2" customFormat="1" ht="25.5" x14ac:dyDescent="0.25">
      <c r="B91" s="61" t="s">
        <v>119</v>
      </c>
      <c r="C91" s="55" t="s">
        <v>118</v>
      </c>
      <c r="D91" s="65"/>
      <c r="E91" s="77"/>
      <c r="F91" s="78"/>
    </row>
    <row r="92" spans="2:6" s="2" customFormat="1" ht="63.75" x14ac:dyDescent="0.25">
      <c r="B92" s="54" t="s">
        <v>77</v>
      </c>
      <c r="C92" s="55" t="s">
        <v>120</v>
      </c>
      <c r="D92" s="65"/>
      <c r="E92" s="77"/>
      <c r="F92" s="78"/>
    </row>
    <row r="93" spans="2:6" s="2" customFormat="1" ht="51" x14ac:dyDescent="0.25">
      <c r="B93" s="61" t="s">
        <v>122</v>
      </c>
      <c r="C93" s="55" t="s">
        <v>121</v>
      </c>
      <c r="D93" s="65"/>
      <c r="E93" s="77"/>
      <c r="F93" s="78"/>
    </row>
    <row r="94" spans="2:6" s="2" customFormat="1" ht="51" customHeight="1" x14ac:dyDescent="0.25">
      <c r="B94" s="61" t="s">
        <v>125</v>
      </c>
      <c r="C94" s="55" t="s">
        <v>123</v>
      </c>
      <c r="D94" s="65"/>
      <c r="E94" s="77"/>
      <c r="F94" s="78"/>
    </row>
    <row r="95" spans="2:6" s="2" customFormat="1" ht="51" x14ac:dyDescent="0.25">
      <c r="B95" s="13" t="s">
        <v>126</v>
      </c>
      <c r="C95" s="28" t="s">
        <v>124</v>
      </c>
      <c r="D95" s="65"/>
      <c r="E95" s="77"/>
      <c r="F95" s="78"/>
    </row>
    <row r="96" spans="2:6" s="2" customFormat="1" ht="165.75" x14ac:dyDescent="0.25">
      <c r="B96" s="13" t="s">
        <v>127</v>
      </c>
      <c r="C96" s="28" t="s">
        <v>170</v>
      </c>
      <c r="D96" s="65"/>
      <c r="E96" s="77"/>
      <c r="F96" s="78"/>
    </row>
    <row r="97" spans="2:7" s="2" customFormat="1" ht="63.75" x14ac:dyDescent="0.25">
      <c r="B97" s="54" t="s">
        <v>129</v>
      </c>
      <c r="C97" s="55" t="s">
        <v>128</v>
      </c>
      <c r="D97" s="65"/>
      <c r="E97" s="77"/>
      <c r="F97" s="78"/>
    </row>
    <row r="98" spans="2:7" s="2" customFormat="1" ht="102" x14ac:dyDescent="0.25">
      <c r="B98" s="13" t="s">
        <v>131</v>
      </c>
      <c r="C98" s="28" t="s">
        <v>130</v>
      </c>
      <c r="D98" s="65"/>
      <c r="E98" s="77"/>
      <c r="F98" s="78"/>
    </row>
    <row r="99" spans="2:7" s="2" customFormat="1" ht="76.5" x14ac:dyDescent="0.25">
      <c r="B99" s="60" t="s">
        <v>132</v>
      </c>
      <c r="C99" s="28" t="s">
        <v>171</v>
      </c>
      <c r="D99" s="65"/>
      <c r="E99" s="77"/>
      <c r="F99" s="78"/>
    </row>
    <row r="100" spans="2:7" s="2" customFormat="1" ht="30.75" customHeight="1" x14ac:dyDescent="0.25">
      <c r="B100" s="54" t="s">
        <v>133</v>
      </c>
      <c r="C100" s="55" t="s">
        <v>72</v>
      </c>
      <c r="D100" s="65"/>
      <c r="E100" s="77"/>
      <c r="F100" s="78"/>
    </row>
    <row r="101" spans="2:7" s="2" customFormat="1" ht="76.5" x14ac:dyDescent="0.25">
      <c r="B101" s="54" t="s">
        <v>135</v>
      </c>
      <c r="C101" s="55" t="s">
        <v>134</v>
      </c>
      <c r="D101" s="65"/>
      <c r="E101" s="77"/>
      <c r="F101" s="78"/>
    </row>
    <row r="102" spans="2:7" s="2" customFormat="1" ht="191.25" x14ac:dyDescent="0.25">
      <c r="B102" s="54" t="s">
        <v>136</v>
      </c>
      <c r="C102" s="55" t="s">
        <v>161</v>
      </c>
      <c r="D102" s="68"/>
      <c r="E102" s="110"/>
      <c r="F102" s="111"/>
    </row>
    <row r="103" spans="2:7" s="2" customFormat="1" ht="90" thickBot="1" x14ac:dyDescent="0.3">
      <c r="B103" s="50" t="s">
        <v>162</v>
      </c>
      <c r="C103" s="51" t="s">
        <v>144</v>
      </c>
      <c r="D103" s="66"/>
      <c r="E103" s="108"/>
      <c r="F103" s="109"/>
    </row>
    <row r="104" spans="2:7" s="3" customFormat="1" ht="5.0999999999999996" customHeight="1" x14ac:dyDescent="0.25">
      <c r="B104" s="5"/>
      <c r="C104" s="5"/>
      <c r="D104" s="7"/>
      <c r="E104" s="7"/>
      <c r="F104" s="27"/>
      <c r="G104" s="2"/>
    </row>
    <row r="105" spans="2:7" s="2" customFormat="1" ht="20.100000000000001" customHeight="1" x14ac:dyDescent="0.25">
      <c r="B105" s="94" t="s">
        <v>55</v>
      </c>
      <c r="C105" s="94"/>
      <c r="D105" s="94"/>
      <c r="E105" s="94"/>
      <c r="F105" s="94"/>
    </row>
    <row r="106" spans="2:7" s="2" customFormat="1" ht="4.5" customHeight="1" thickBot="1" x14ac:dyDescent="0.3"/>
    <row r="107" spans="2:7" s="2" customFormat="1" ht="80.25" customHeight="1" x14ac:dyDescent="0.25">
      <c r="B107" s="102" t="s">
        <v>56</v>
      </c>
      <c r="C107" s="103"/>
      <c r="D107" s="84" t="s">
        <v>57</v>
      </c>
      <c r="E107" s="85"/>
      <c r="F107" s="86"/>
    </row>
    <row r="108" spans="2:7" s="3" customFormat="1" ht="29.25" customHeight="1" thickBot="1" x14ac:dyDescent="0.3">
      <c r="B108" s="104"/>
      <c r="C108" s="105"/>
      <c r="D108" s="25" t="s">
        <v>7</v>
      </c>
      <c r="E108" s="106" t="s">
        <v>32</v>
      </c>
      <c r="F108" s="107"/>
      <c r="G108" s="2"/>
    </row>
    <row r="109" spans="2:7" s="3" customFormat="1" ht="27" customHeight="1" x14ac:dyDescent="0.25">
      <c r="B109" s="48" t="s">
        <v>16</v>
      </c>
      <c r="C109" s="75" t="s">
        <v>59</v>
      </c>
      <c r="D109" s="44"/>
      <c r="E109" s="116"/>
      <c r="F109" s="117"/>
      <c r="G109" s="2"/>
    </row>
    <row r="110" spans="2:7" s="3" customFormat="1" ht="24.95" customHeight="1" thickBot="1" x14ac:dyDescent="0.3">
      <c r="B110" s="14" t="s">
        <v>61</v>
      </c>
      <c r="C110" s="76" t="s">
        <v>58</v>
      </c>
      <c r="D110" s="43"/>
      <c r="E110" s="100"/>
      <c r="F110" s="101"/>
      <c r="G110" s="2"/>
    </row>
    <row r="111" spans="2:7" s="2" customFormat="1" ht="5.0999999999999996" customHeight="1" x14ac:dyDescent="0.25">
      <c r="B111" s="5"/>
      <c r="C111" s="5"/>
      <c r="D111" s="7"/>
      <c r="E111" s="7"/>
      <c r="F111" s="27"/>
    </row>
    <row r="112" spans="2:7" s="2" customFormat="1" ht="20.100000000000001" customHeight="1" x14ac:dyDescent="0.25">
      <c r="B112" s="94" t="s">
        <v>15</v>
      </c>
      <c r="C112" s="94"/>
      <c r="D112" s="94"/>
      <c r="E112" s="94"/>
      <c r="F112" s="94"/>
    </row>
    <row r="113" spans="2:7" s="3" customFormat="1" ht="30" customHeight="1" x14ac:dyDescent="0.25">
      <c r="B113" s="5" t="s">
        <v>17</v>
      </c>
      <c r="C113" s="123" t="s">
        <v>49</v>
      </c>
      <c r="D113" s="123"/>
      <c r="E113" s="123"/>
      <c r="F113" s="123"/>
      <c r="G113" s="2"/>
    </row>
    <row r="114" spans="2:7" s="30" customFormat="1" ht="30" customHeight="1" x14ac:dyDescent="0.25">
      <c r="B114" s="5" t="s">
        <v>33</v>
      </c>
      <c r="C114" s="123" t="s">
        <v>34</v>
      </c>
      <c r="D114" s="123"/>
      <c r="E114" s="123"/>
      <c r="F114" s="123"/>
      <c r="G114" s="2"/>
    </row>
    <row r="115" spans="2:7" s="30" customFormat="1" ht="30" customHeight="1" x14ac:dyDescent="0.25">
      <c r="B115" s="124" t="s">
        <v>35</v>
      </c>
      <c r="C115" s="124"/>
      <c r="D115" s="124"/>
      <c r="E115" s="124"/>
      <c r="F115" s="3"/>
      <c r="G115" s="2"/>
    </row>
    <row r="116" spans="2:7" s="2" customFormat="1" ht="24.95" customHeight="1" x14ac:dyDescent="0.2">
      <c r="B116" s="29" t="s">
        <v>36</v>
      </c>
      <c r="C116" s="126"/>
      <c r="D116" s="126"/>
      <c r="F116" s="30"/>
    </row>
    <row r="117" spans="2:7" s="2" customFormat="1" ht="24.95" customHeight="1" x14ac:dyDescent="0.2">
      <c r="B117" s="29" t="s">
        <v>37</v>
      </c>
      <c r="C117" s="127"/>
      <c r="D117" s="127"/>
      <c r="F117" s="30"/>
    </row>
    <row r="118" spans="2:7" s="2" customFormat="1" ht="24.95" customHeight="1" x14ac:dyDescent="0.25">
      <c r="B118" s="29" t="s">
        <v>38</v>
      </c>
      <c r="C118" s="121"/>
      <c r="D118" s="121"/>
      <c r="F118" s="30"/>
    </row>
    <row r="119" spans="2:7" s="3" customFormat="1" ht="24.95" customHeight="1" x14ac:dyDescent="0.25">
      <c r="B119" s="29" t="s">
        <v>39</v>
      </c>
      <c r="C119" s="121"/>
      <c r="D119" s="121"/>
      <c r="E119" s="2"/>
      <c r="F119" s="31"/>
      <c r="G119" s="2"/>
    </row>
    <row r="120" spans="2:7" s="2" customFormat="1" ht="14.25" customHeight="1" x14ac:dyDescent="0.2">
      <c r="B120" s="11"/>
      <c r="C120" s="12"/>
      <c r="D120" s="12"/>
      <c r="F120" s="32"/>
    </row>
    <row r="121" spans="2:7" s="3" customFormat="1" ht="15" customHeight="1" x14ac:dyDescent="0.25">
      <c r="B121" s="125" t="s">
        <v>40</v>
      </c>
      <c r="C121" s="125"/>
      <c r="D121" s="125"/>
      <c r="E121" s="125"/>
      <c r="F121" s="125"/>
    </row>
    <row r="122" spans="2:7" s="2" customFormat="1" ht="36.75" customHeight="1" x14ac:dyDescent="0.25">
      <c r="B122" s="122" t="s">
        <v>52</v>
      </c>
      <c r="C122" s="122"/>
      <c r="D122" s="122"/>
      <c r="E122" s="122"/>
      <c r="F122" s="122"/>
    </row>
    <row r="123" spans="2:7" s="2" customFormat="1" ht="20.100000000000001" customHeight="1" x14ac:dyDescent="0.2">
      <c r="B123" s="1"/>
      <c r="C123" s="1"/>
      <c r="D123" s="8"/>
      <c r="E123" s="8"/>
    </row>
    <row r="124" spans="2:7" s="3" customFormat="1" ht="4.5" customHeight="1" x14ac:dyDescent="0.2">
      <c r="B124" s="1"/>
      <c r="C124" s="1"/>
      <c r="D124" s="8"/>
      <c r="E124" s="8"/>
      <c r="F124" s="2"/>
    </row>
    <row r="125" spans="2:7" s="3" customFormat="1" ht="20.100000000000001" customHeight="1" x14ac:dyDescent="0.25">
      <c r="B125" s="33" t="s">
        <v>41</v>
      </c>
      <c r="C125" s="34"/>
      <c r="D125" s="35" t="s">
        <v>42</v>
      </c>
      <c r="E125" s="119"/>
      <c r="F125" s="119"/>
    </row>
    <row r="126" spans="2:7" s="3" customFormat="1" ht="20.100000000000001" customHeight="1" x14ac:dyDescent="0.25">
      <c r="B126" s="36"/>
      <c r="C126" s="36"/>
      <c r="D126" s="36"/>
      <c r="E126" s="37"/>
      <c r="F126" s="37"/>
    </row>
    <row r="127" spans="2:7" ht="20.100000000000001" customHeight="1" x14ac:dyDescent="0.2">
      <c r="B127" s="33" t="s">
        <v>43</v>
      </c>
      <c r="C127" s="34"/>
      <c r="D127" s="38" t="s">
        <v>44</v>
      </c>
      <c r="E127" s="120"/>
      <c r="F127" s="120"/>
    </row>
    <row r="128" spans="2:7" s="2" customFormat="1" ht="20.100000000000001" customHeight="1" x14ac:dyDescent="0.2">
      <c r="B128" s="1"/>
      <c r="C128" s="1"/>
      <c r="D128" s="38" t="s">
        <v>45</v>
      </c>
      <c r="E128" s="121"/>
      <c r="F128" s="121"/>
    </row>
    <row r="129" spans="2:5" s="2" customFormat="1" ht="20.100000000000001" customHeight="1" x14ac:dyDescent="0.2">
      <c r="B129" s="1"/>
      <c r="C129" s="1"/>
      <c r="D129" s="39" t="s">
        <v>46</v>
      </c>
      <c r="E129" s="1"/>
    </row>
    <row r="130" spans="2:5" s="2" customFormat="1" ht="37.5" customHeight="1" x14ac:dyDescent="0.25"/>
    <row r="131" spans="2:5" s="2" customFormat="1" ht="24" customHeight="1" x14ac:dyDescent="0.25"/>
    <row r="132" spans="2:5" s="2" customFormat="1" ht="24" customHeight="1" x14ac:dyDescent="0.25"/>
    <row r="133" spans="2:5" s="2" customFormat="1" ht="24" customHeight="1" x14ac:dyDescent="0.25"/>
    <row r="134" spans="2:5" s="2" customFormat="1" ht="20.100000000000001" customHeight="1" x14ac:dyDescent="0.25"/>
    <row r="135" spans="2:5" s="2" customFormat="1" ht="20.100000000000001" customHeight="1" x14ac:dyDescent="0.25"/>
    <row r="136" spans="2:5" s="2" customFormat="1" ht="50.1" customHeight="1" x14ac:dyDescent="0.25"/>
    <row r="137" spans="2:5" s="2" customFormat="1" ht="43.5" customHeight="1" x14ac:dyDescent="0.25"/>
    <row r="138" spans="2:5" ht="24.75" customHeight="1" x14ac:dyDescent="0.2">
      <c r="B138" s="2"/>
      <c r="C138" s="2"/>
      <c r="D138" s="2"/>
      <c r="E138" s="2"/>
    </row>
    <row r="139" spans="2:5" x14ac:dyDescent="0.2">
      <c r="B139" s="2"/>
      <c r="C139" s="2"/>
      <c r="D139" s="2"/>
      <c r="E139" s="2"/>
    </row>
    <row r="140" spans="2:5" ht="20.100000000000001" customHeight="1" x14ac:dyDescent="0.2"/>
    <row r="141" spans="2:5" ht="4.5" customHeight="1" x14ac:dyDescent="0.2"/>
    <row r="142" spans="2:5" ht="20.100000000000001" customHeight="1" x14ac:dyDescent="0.2"/>
    <row r="143" spans="2:5" ht="20.100000000000001" customHeight="1" x14ac:dyDescent="0.2"/>
    <row r="144" spans="2:5" ht="20.100000000000001" customHeight="1" x14ac:dyDescent="0.2"/>
  </sheetData>
  <mergeCells count="109">
    <mergeCell ref="E102:F102"/>
    <mergeCell ref="B8:F8"/>
    <mergeCell ref="B9:F9"/>
    <mergeCell ref="B11:F11"/>
    <mergeCell ref="B12:D12"/>
    <mergeCell ref="E54:F54"/>
    <mergeCell ref="E42:F42"/>
    <mergeCell ref="E43:F43"/>
    <mergeCell ref="B39:F39"/>
    <mergeCell ref="E40:F40"/>
    <mergeCell ref="E41:F41"/>
    <mergeCell ref="C29:D29"/>
    <mergeCell ref="B14:D14"/>
    <mergeCell ref="B35:F35"/>
    <mergeCell ref="B37:C38"/>
    <mergeCell ref="E89:F89"/>
    <mergeCell ref="E90:F90"/>
    <mergeCell ref="E91:F91"/>
    <mergeCell ref="E92:F92"/>
    <mergeCell ref="E55:F55"/>
    <mergeCell ref="E77:F77"/>
    <mergeCell ref="E78:F78"/>
    <mergeCell ref="E79:F79"/>
    <mergeCell ref="E80:F80"/>
    <mergeCell ref="E125:F125"/>
    <mergeCell ref="E127:F127"/>
    <mergeCell ref="E128:F128"/>
    <mergeCell ref="B122:F122"/>
    <mergeCell ref="B112:F112"/>
    <mergeCell ref="C113:F113"/>
    <mergeCell ref="C114:F114"/>
    <mergeCell ref="B115:E115"/>
    <mergeCell ref="B121:F121"/>
    <mergeCell ref="C116:D116"/>
    <mergeCell ref="C117:D117"/>
    <mergeCell ref="C118:D118"/>
    <mergeCell ref="C119:D119"/>
    <mergeCell ref="B2:F2"/>
    <mergeCell ref="B1:F1"/>
    <mergeCell ref="B24:C24"/>
    <mergeCell ref="B27:C27"/>
    <mergeCell ref="E109:F109"/>
    <mergeCell ref="E68:F68"/>
    <mergeCell ref="E57:F57"/>
    <mergeCell ref="E58:F58"/>
    <mergeCell ref="E59:F59"/>
    <mergeCell ref="E60:F60"/>
    <mergeCell ref="E61:F61"/>
    <mergeCell ref="E62:F62"/>
    <mergeCell ref="E63:F63"/>
    <mergeCell ref="E64:F64"/>
    <mergeCell ref="E65:F65"/>
    <mergeCell ref="E66:F66"/>
    <mergeCell ref="E67:F67"/>
    <mergeCell ref="E56:F56"/>
    <mergeCell ref="B50:F50"/>
    <mergeCell ref="B52:C53"/>
    <mergeCell ref="D52:F52"/>
    <mergeCell ref="E53:F53"/>
    <mergeCell ref="B3:F3"/>
    <mergeCell ref="B7:F7"/>
    <mergeCell ref="E110:F110"/>
    <mergeCell ref="E75:F75"/>
    <mergeCell ref="E76:F76"/>
    <mergeCell ref="E69:F69"/>
    <mergeCell ref="E70:F70"/>
    <mergeCell ref="E73:F73"/>
    <mergeCell ref="E74:F74"/>
    <mergeCell ref="B105:F105"/>
    <mergeCell ref="B107:C108"/>
    <mergeCell ref="D107:F107"/>
    <mergeCell ref="E108:F108"/>
    <mergeCell ref="E81:F81"/>
    <mergeCell ref="E82:F82"/>
    <mergeCell ref="E83:F83"/>
    <mergeCell ref="E84:F84"/>
    <mergeCell ref="E85:F85"/>
    <mergeCell ref="E86:F86"/>
    <mergeCell ref="E87:F87"/>
    <mergeCell ref="E99:F99"/>
    <mergeCell ref="E93:F93"/>
    <mergeCell ref="E94:F94"/>
    <mergeCell ref="E103:F103"/>
    <mergeCell ref="E71:F71"/>
    <mergeCell ref="E72:F72"/>
    <mergeCell ref="E100:F100"/>
    <mergeCell ref="E101:F101"/>
    <mergeCell ref="E98:F98"/>
    <mergeCell ref="E48:F48"/>
    <mergeCell ref="B13:D13"/>
    <mergeCell ref="E44:F44"/>
    <mergeCell ref="E45:F45"/>
    <mergeCell ref="E46:F46"/>
    <mergeCell ref="D37:F37"/>
    <mergeCell ref="E38:F38"/>
    <mergeCell ref="B23:F23"/>
    <mergeCell ref="C28:D28"/>
    <mergeCell ref="B31:C31"/>
    <mergeCell ref="B22:F22"/>
    <mergeCell ref="B17:D17"/>
    <mergeCell ref="B18:D18"/>
    <mergeCell ref="B19:F19"/>
    <mergeCell ref="B20:F20"/>
    <mergeCell ref="B21:D21"/>
    <mergeCell ref="E47:F47"/>
    <mergeCell ref="E95:F95"/>
    <mergeCell ref="E96:F96"/>
    <mergeCell ref="E97:F97"/>
    <mergeCell ref="E88:F88"/>
  </mergeCells>
  <conditionalFormatting sqref="D47:D48">
    <cfRule type="containsBlanks" dxfId="19" priority="51">
      <formula>LEN(TRIM(D47))=0</formula>
    </cfRule>
  </conditionalFormatting>
  <conditionalFormatting sqref="E127:F127">
    <cfRule type="containsBlanks" dxfId="18" priority="50">
      <formula>LEN(TRIM(E127))=0</formula>
    </cfRule>
  </conditionalFormatting>
  <conditionalFormatting sqref="C125">
    <cfRule type="containsBlanks" dxfId="17" priority="48">
      <formula>LEN(TRIM(C125))=0</formula>
    </cfRule>
  </conditionalFormatting>
  <conditionalFormatting sqref="E128:F128">
    <cfRule type="containsBlanks" dxfId="16" priority="49">
      <formula>LEN(TRIM(E128))=0</formula>
    </cfRule>
  </conditionalFormatting>
  <conditionalFormatting sqref="C127">
    <cfRule type="containsBlanks" dxfId="15" priority="47">
      <formula>LEN(TRIM(C127))=0</formula>
    </cfRule>
  </conditionalFormatting>
  <conditionalFormatting sqref="C4:C5">
    <cfRule type="containsBlanks" dxfId="14" priority="46">
      <formula>LEN(TRIM(C4))=0</formula>
    </cfRule>
  </conditionalFormatting>
  <conditionalFormatting sqref="D40">
    <cfRule type="containsBlanks" dxfId="13" priority="45">
      <formula>LEN(TRIM(D40))=0</formula>
    </cfRule>
  </conditionalFormatting>
  <conditionalFormatting sqref="D41">
    <cfRule type="containsBlanks" dxfId="12" priority="44">
      <formula>LEN(TRIM(D41))=0</formula>
    </cfRule>
  </conditionalFormatting>
  <conditionalFormatting sqref="D109">
    <cfRule type="containsBlanks" dxfId="11" priority="40">
      <formula>LEN(TRIM(D109))=0</formula>
    </cfRule>
  </conditionalFormatting>
  <conditionalFormatting sqref="D110">
    <cfRule type="containsBlanks" dxfId="10" priority="39">
      <formula>LEN(TRIM(D110))=0</formula>
    </cfRule>
  </conditionalFormatting>
  <conditionalFormatting sqref="C118:D118">
    <cfRule type="containsBlanks" dxfId="9" priority="36">
      <formula>LEN(TRIM(C118))=0</formula>
    </cfRule>
  </conditionalFormatting>
  <conditionalFormatting sqref="D42">
    <cfRule type="containsBlanks" dxfId="8" priority="22">
      <formula>LEN(TRIM(D42))=0</formula>
    </cfRule>
  </conditionalFormatting>
  <conditionalFormatting sqref="D44">
    <cfRule type="containsBlanks" dxfId="7" priority="21">
      <formula>LEN(TRIM(D44))=0</formula>
    </cfRule>
  </conditionalFormatting>
  <conditionalFormatting sqref="D45">
    <cfRule type="containsBlanks" dxfId="6" priority="20">
      <formula>LEN(TRIM(D45))=0</formula>
    </cfRule>
  </conditionalFormatting>
  <conditionalFormatting sqref="D46">
    <cfRule type="containsBlanks" dxfId="5" priority="19">
      <formula>LEN(TRIM(D46))=0</formula>
    </cfRule>
  </conditionalFormatting>
  <conditionalFormatting sqref="D43">
    <cfRule type="containsBlanks" dxfId="4" priority="18">
      <formula>LEN(TRIM(D43))=0</formula>
    </cfRule>
  </conditionalFormatting>
  <conditionalFormatting sqref="D54:D62">
    <cfRule type="containsBlanks" dxfId="3" priority="4">
      <formula>LEN(TRIM(D54))=0</formula>
    </cfRule>
  </conditionalFormatting>
  <conditionalFormatting sqref="D63:D66">
    <cfRule type="containsBlanks" dxfId="2" priority="3">
      <formula>LEN(TRIM(D63))=0</formula>
    </cfRule>
  </conditionalFormatting>
  <conditionalFormatting sqref="D67:D72">
    <cfRule type="containsBlanks" dxfId="1" priority="2">
      <formula>LEN(TRIM(D67))=0</formula>
    </cfRule>
  </conditionalFormatting>
  <conditionalFormatting sqref="D73:D103">
    <cfRule type="containsBlanks" dxfId="0" priority="1">
      <formula>LEN(TRIM(D73))=0</formula>
    </cfRule>
  </conditionalFormatting>
  <printOptions horizontalCentered="1"/>
  <pageMargins left="0.70866141732283472" right="0.70866141732283472" top="0.9055118110236221" bottom="0.74803149606299213" header="0.31496062992125984" footer="0.31496062992125984"/>
  <pageSetup paperSize="9" scale="51"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8" min="1" max="5" man="1"/>
    <brk id="74" min="1" max="5" man="1"/>
    <brk id="9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1-12-06T09:03:54Z</cp:lastPrinted>
  <dcterms:created xsi:type="dcterms:W3CDTF">2017-04-21T05:51:15Z</dcterms:created>
  <dcterms:modified xsi:type="dcterms:W3CDTF">2021-12-06T12:20:41Z</dcterms:modified>
</cp:coreProperties>
</file>